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13DBE1F0" w14:textId="77777777" w:rsidR="00F83A44" w:rsidRDefault="00F83A44" w:rsidP="00CD6563">
      <w:pPr>
        <w:pStyle w:val="Heading2"/>
        <w:rPr>
          <w:color w:val="26539D"/>
          <w:sz w:val="32"/>
          <w:szCs w:val="32"/>
        </w:rPr>
      </w:pPr>
      <w:r w:rsidRPr="00F83A44">
        <w:rPr>
          <w:color w:val="26539D"/>
          <w:sz w:val="32"/>
          <w:szCs w:val="32"/>
        </w:rPr>
        <w:t>Opening Australia to the World: Celebrating 50 editions of the Trade and Assistance Review</w:t>
      </w:r>
      <w:r w:rsidRPr="00F83A44">
        <w:rPr>
          <w:color w:val="26539D"/>
          <w:sz w:val="32"/>
          <w:szCs w:val="32"/>
        </w:rPr>
        <w:t xml:space="preserve"> </w:t>
      </w:r>
    </w:p>
    <w:p w14:paraId="75B46AA3" w14:textId="14A02002" w:rsidR="00CD6563" w:rsidRPr="00CD6563" w:rsidRDefault="00F83A44" w:rsidP="00CD6563">
      <w:pPr>
        <w:pStyle w:val="Heading2"/>
      </w:pPr>
      <w:r>
        <w:t>Transcript</w:t>
      </w:r>
    </w:p>
    <w:p w14:paraId="423E9238" w14:textId="20145D45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Bill Scales: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ithout the TAR,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ustralia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ithout any doubt will be poorer.</w:t>
      </w:r>
    </w:p>
    <w:p w14:paraId="1FA397E9" w14:textId="413A3FDD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Peter Harris: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ithout the TAR,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e'd all be more ignorant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of the costs of intervention.</w:t>
      </w:r>
    </w:p>
    <w:p w14:paraId="36EA400F" w14:textId="2C49158D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Michael Brennan: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I think if we didn't have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e Trade and Assistance Review,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I think the debate would be less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ell informed.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ould it have changed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e course of history?</w:t>
      </w:r>
      <w:r>
        <w:rPr>
          <w:rFonts w:ascii="Arial" w:hAnsi="Arial" w:cs="Arial"/>
        </w:rPr>
        <w:t xml:space="preserve"> </w:t>
      </w:r>
      <w:proofErr w:type="gramStart"/>
      <w:r w:rsidRPr="00F83A44">
        <w:rPr>
          <w:rFonts w:ascii="Arial" w:hAnsi="Arial" w:cs="Arial"/>
        </w:rPr>
        <w:t>I</w:t>
      </w:r>
      <w:proofErr w:type="gramEnd"/>
      <w:r w:rsidRPr="00F83A44">
        <w:rPr>
          <w:rFonts w:ascii="Arial" w:hAnsi="Arial" w:cs="Arial"/>
        </w:rPr>
        <w:t xml:space="preserve"> think that's possible.</w:t>
      </w:r>
    </w:p>
    <w:p w14:paraId="61D35C86" w14:textId="4FEF0C5B" w:rsid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ithout the TAR,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I think Australians would have lower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living standards than they do today.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e liberalisation of trade,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ustralia's participation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in open global markets has been a key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underpinning of our prosperity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over decades.</w:t>
      </w:r>
    </w:p>
    <w:p w14:paraId="091A8690" w14:textId="49DA6778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Narrator</w:t>
      </w:r>
      <w:r>
        <w:rPr>
          <w:rFonts w:ascii="Arial" w:hAnsi="Arial" w:cs="Arial"/>
        </w:rPr>
        <w:t xml:space="preserve">: </w:t>
      </w:r>
      <w:r w:rsidRPr="00F83A44">
        <w:rPr>
          <w:rFonts w:ascii="Arial" w:hAnsi="Arial" w:cs="Arial"/>
        </w:rPr>
        <w:t>In 2024, the Trade and Assistance Review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urns 50.</w:t>
      </w:r>
      <w:r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For decades,</w:t>
      </w:r>
      <w:r w:rsidR="003C1246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e TAR has helped Australia</w:t>
      </w:r>
      <w:r w:rsidR="003C1246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o open its economy to the world.</w:t>
      </w:r>
    </w:p>
    <w:p w14:paraId="7F2CAC0A" w14:textId="1EAC4CF3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To understand what the TAR is</w:t>
      </w:r>
      <w:r w:rsidR="003C1246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nd why it's had such an impact.</w:t>
      </w:r>
      <w:r w:rsidR="003C1246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e spoke to some of the leaders</w:t>
      </w:r>
      <w:r w:rsidR="003C1246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of the organisation behind it.</w:t>
      </w:r>
    </w:p>
    <w:p w14:paraId="3AF44429" w14:textId="77777777" w:rsidR="003C1246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Bill Scales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My name i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ill Scales, and I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as chair of the Industry Commissio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 xml:space="preserve">from 1992 to 1998. </w:t>
      </w:r>
    </w:p>
    <w:p w14:paraId="077C5A18" w14:textId="36ABB924" w:rsidR="00F83A44" w:rsidRPr="00F83A44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Peter Harris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'm Peter Harris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 was chair of the Productivit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Commission from 2013 to 2018.</w:t>
      </w:r>
    </w:p>
    <w:p w14:paraId="2A86FFBC" w14:textId="4F366807" w:rsidR="00F83A44" w:rsidRPr="00F83A44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Michael Brennan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'm Michael Brennan, I was the chair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f the Productivity Commissio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etween 2018 and 2023.</w:t>
      </w:r>
    </w:p>
    <w:p w14:paraId="78ADA565" w14:textId="33C90C93" w:rsidR="00F83A44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Hi, I'm Danielle Wood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Chair of the Productivity Commission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een in the role since November 2023.</w:t>
      </w:r>
    </w:p>
    <w:p w14:paraId="67D03B80" w14:textId="25675D20" w:rsidR="00F83A44" w:rsidRPr="00F83A44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Narrator</w:t>
      </w:r>
      <w:r>
        <w:rPr>
          <w:rFonts w:ascii="Arial" w:hAnsi="Arial" w:cs="Arial"/>
        </w:rPr>
        <w:t>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So what was the Australian econom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like when the TAR was created?</w:t>
      </w:r>
    </w:p>
    <w:p w14:paraId="4849204C" w14:textId="13A6043E" w:rsidR="00F83A44" w:rsidRPr="00F83A44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Bill Scale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Well, in the 1970s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t was a closed economy, effectively.</w:t>
      </w:r>
    </w:p>
    <w:p w14:paraId="2AE30887" w14:textId="573F4473" w:rsidR="00F83A44" w:rsidRPr="00F83A44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Michael Brennan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It was an econom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had a lot more regulation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t had and it was an econom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had a lot more explici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government involvement.</w:t>
      </w:r>
    </w:p>
    <w:p w14:paraId="13987C83" w14:textId="77777777" w:rsidR="003C1246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Peter Harris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t had a fixed exchange rate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e had limited access to capital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markets for people in this country.</w:t>
      </w:r>
    </w:p>
    <w:p w14:paraId="41D445EE" w14:textId="6E8A7D8E" w:rsidR="00F83A44" w:rsidRPr="00F83A44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We were a much mor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dustrial economy than we are now.</w:t>
      </w:r>
    </w:p>
    <w:p w14:paraId="5983C2C4" w14:textId="05A24351" w:rsidR="00F83A44" w:rsidRPr="00F83A44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lastRenderedPageBreak/>
        <w:t>Michael Brennan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We had governmen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wned banks and airlines and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ll manner of things, and we ha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pretty high tariff protection.</w:t>
      </w:r>
    </w:p>
    <w:p w14:paraId="1462DC5E" w14:textId="0DFA3C58" w:rsidR="00F83A44" w:rsidRPr="00F83A44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Peter Harris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 think large employer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unions for that matter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ere a collective i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elieving that government ha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 responsibilit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o continue to protect them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rom shifts in technolog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shifts in demand that might occur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s a result of global trend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r indeed as a result of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you know, changes in the busines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cycle in Australia.</w:t>
      </w:r>
    </w:p>
    <w:p w14:paraId="7B17F63C" w14:textId="3A1E5F4A" w:rsidR="00F83A44" w:rsidRPr="00F83A44" w:rsidRDefault="003C1246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Michael Brennan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And I think that was kind of accepte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s the way, you ran an economy and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every industry needed its bi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f protection, its bit of assistance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's just kind of how you ensure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 general prosperity.</w:t>
      </w:r>
    </w:p>
    <w:p w14:paraId="716FACFF" w14:textId="17D7B141" w:rsidR="00F83A44" w:rsidRPr="00F83A44" w:rsidRDefault="003915A0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Bill Scale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It was also going through a perio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here we've been through two worl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ars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t had been through a depression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t had a been through currency crises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it wasn't an easy tim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or Australia.</w:t>
      </w:r>
    </w:p>
    <w:p w14:paraId="5561C65E" w14:textId="77777777" w:rsidR="003915A0" w:rsidRDefault="00F83A44" w:rsidP="00F83A44">
      <w:pPr>
        <w:spacing w:after="240"/>
        <w:rPr>
          <w:rFonts w:ascii="Arial" w:hAnsi="Arial" w:cs="Arial"/>
          <w:b/>
          <w:bCs/>
        </w:rPr>
      </w:pPr>
      <w:r w:rsidRPr="00F83A44">
        <w:rPr>
          <w:rFonts w:ascii="Arial" w:hAnsi="Arial" w:cs="Arial"/>
        </w:rPr>
        <w:t>And in many ways, the easiest thing</w:t>
      </w:r>
      <w:r w:rsidR="003915A0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for Australian politicians</w:t>
      </w:r>
      <w:r w:rsidR="003915A0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 xml:space="preserve">to do to try and create the </w:t>
      </w:r>
      <w:r w:rsidR="003915A0">
        <w:rPr>
          <w:rFonts w:ascii="Arial" w:hAnsi="Arial" w:cs="Arial"/>
        </w:rPr>
        <w:t>e</w:t>
      </w:r>
      <w:r w:rsidRPr="00F83A44">
        <w:rPr>
          <w:rFonts w:ascii="Arial" w:hAnsi="Arial" w:cs="Arial"/>
        </w:rPr>
        <w:t>mployment</w:t>
      </w:r>
      <w:r w:rsidR="003915A0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hich was necessary at that time</w:t>
      </w:r>
      <w:r w:rsidR="003915A0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as to put high levels of tariffs.</w:t>
      </w:r>
      <w:r w:rsidR="003915A0" w:rsidRPr="003915A0">
        <w:rPr>
          <w:rFonts w:ascii="Arial" w:hAnsi="Arial" w:cs="Arial"/>
          <w:b/>
          <w:bCs/>
        </w:rPr>
        <w:t xml:space="preserve"> </w:t>
      </w:r>
    </w:p>
    <w:p w14:paraId="4E7E5981" w14:textId="21CBFFD2" w:rsidR="00F83A44" w:rsidRPr="00F83A44" w:rsidRDefault="003915A0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Peter Harris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ose businesse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weren't being protecte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ere suffering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s a consequence of the businesse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were being protected.</w:t>
      </w:r>
    </w:p>
    <w:p w14:paraId="6D9F707B" w14:textId="4C68AA06" w:rsidR="00F83A44" w:rsidRPr="00F83A44" w:rsidRDefault="003915A0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Narrator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 Australia of toda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s a very different place.</w:t>
      </w:r>
    </w:p>
    <w:p w14:paraId="47DEEEBE" w14:textId="77777777" w:rsidR="003915A0" w:rsidRDefault="003915A0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Bill Scale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So Australia has change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dramatically since those times.</w:t>
      </w:r>
    </w:p>
    <w:p w14:paraId="2DE1D083" w14:textId="0C69325B" w:rsidR="00F83A44" w:rsidRPr="00F83A44" w:rsidRDefault="003915A0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And you look at where the jobs are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verwhelmingly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t's the service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economy that employs Australians.</w:t>
      </w:r>
    </w:p>
    <w:p w14:paraId="4BC987A9" w14:textId="747C6BB2" w:rsidR="00F83A44" w:rsidRPr="00F83A44" w:rsidRDefault="003915A0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Peter Harri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Really big exporters in Australia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mining industry, obviously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ut then a set of service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dustries in international student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international tourism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e have decent amounts of expor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 other services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legal services, accountancy services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kind of thing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particularly within the region.</w:t>
      </w:r>
    </w:p>
    <w:p w14:paraId="3D696968" w14:textId="65A00A4A" w:rsidR="00F83A44" w:rsidRPr="00F83A44" w:rsidRDefault="003915A0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Bill Scale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Although it's much maligned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manufacturing still play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 important role in this countr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ecause its productivit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has improved, its employment is less.</w:t>
      </w:r>
    </w:p>
    <w:p w14:paraId="633E7635" w14:textId="77777777" w:rsidR="003915A0" w:rsidRDefault="003915A0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Peter Harri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 xml:space="preserve">Data shows we had an </w:t>
      </w:r>
      <w:proofErr w:type="gramStart"/>
      <w:r w:rsidR="00F83A44" w:rsidRPr="00F83A44">
        <w:rPr>
          <w:rFonts w:ascii="Arial" w:hAnsi="Arial" w:cs="Arial"/>
        </w:rPr>
        <w:t>ever increasing</w:t>
      </w:r>
      <w:proofErr w:type="gramEnd"/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level of, both income and wealth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rom our economy being more liberal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being able to emplo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more people than i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previously could and enable us to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respond readil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 xml:space="preserve">to global shocks. </w:t>
      </w:r>
    </w:p>
    <w:p w14:paraId="63D534A0" w14:textId="55368A8E" w:rsidR="00F83A44" w:rsidRPr="00F83A44" w:rsidRDefault="003915A0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Narrator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 shif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 Australia's economy acros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ive decades has several causes.</w:t>
      </w:r>
    </w:p>
    <w:p w14:paraId="0550C65B" w14:textId="77777777" w:rsidR="00F83A44" w:rsidRPr="00F83A44" w:rsidRDefault="00F83A44" w:rsidP="00F83A44">
      <w:pPr>
        <w:spacing w:after="240"/>
        <w:rPr>
          <w:rFonts w:ascii="Arial" w:hAnsi="Arial" w:cs="Arial"/>
        </w:rPr>
      </w:pPr>
    </w:p>
    <w:p w14:paraId="30384C0B" w14:textId="0AEC7003" w:rsidR="00F83A44" w:rsidRPr="00F83A44" w:rsidRDefault="003915A0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lastRenderedPageBreak/>
        <w:t>Danielle Wood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irst of all, as we got new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echnologies and became more capital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tensive, what we saw is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you know, jobs in areas lik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gricultur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manufacturing moved awa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people moved into service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sectors jobs.</w:t>
      </w:r>
    </w:p>
    <w:p w14:paraId="1CA5B1A9" w14:textId="7A291BDF" w:rsidR="00F83A44" w:rsidRPr="00F83A44" w:rsidRDefault="003915A0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Michael Brennan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I think there were som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pretty strong advocates for a view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we needed to reduce trad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arriers, be more outwar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looking, be more ope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o international competition.</w:t>
      </w:r>
    </w:p>
    <w:p w14:paraId="48BB2E46" w14:textId="05D30BBF" w:rsidR="003915A0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But there was also a significant role</w:t>
      </w:r>
      <w:r w:rsidR="003915A0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for the evidence base,</w:t>
      </w:r>
      <w:r w:rsidR="003915A0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e improvement in just putting facts</w:t>
      </w:r>
      <w:r w:rsidR="003915A0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 xml:space="preserve">on the table. </w:t>
      </w:r>
    </w:p>
    <w:p w14:paraId="1E637581" w14:textId="02679A56" w:rsidR="00F83A44" w:rsidRPr="00F83A44" w:rsidRDefault="003915A0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proces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f putting them on the record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shining light on them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s really importan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or creating accountabilit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here the governmen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s offering this type of assistance.</w:t>
      </w:r>
    </w:p>
    <w:p w14:paraId="0D35C430" w14:textId="7E602EBC" w:rsidR="00F83A44" w:rsidRPr="00F83A44" w:rsidRDefault="003915A0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Narrator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 Trade and Assistance Review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helped to drive reform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ut just what is the TAR?</w:t>
      </w:r>
    </w:p>
    <w:p w14:paraId="31520E9C" w14:textId="0ECD2B56" w:rsidR="00F83A44" w:rsidRPr="00F83A44" w:rsidRDefault="003915A0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 would describe th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</w:t>
      </w:r>
      <w:r w:rsidR="00BB2CA2">
        <w:rPr>
          <w:rFonts w:ascii="Arial" w:hAnsi="Arial" w:cs="Arial"/>
        </w:rPr>
        <w:t>r</w:t>
      </w:r>
      <w:r w:rsidR="00F83A44" w:rsidRPr="00F83A44">
        <w:rPr>
          <w:rFonts w:ascii="Arial" w:hAnsi="Arial" w:cs="Arial"/>
        </w:rPr>
        <w:t>ade and Assistance Review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r as we like to call it, the TAR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s a list of the various industr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supports.</w:t>
      </w:r>
    </w:p>
    <w:p w14:paraId="7B64A71F" w14:textId="4215355F" w:rsidR="00F83A44" w:rsidRPr="00F83A44" w:rsidRDefault="00BB2CA2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Michael Brennan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It is there to document</w:t>
      </w:r>
      <w:r w:rsidR="003915A0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 level of assistance</w:t>
      </w:r>
      <w:r w:rsidR="003915A0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different sectors receive</w:t>
      </w:r>
      <w:r w:rsidR="003915A0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s a result of government policy.</w:t>
      </w:r>
    </w:p>
    <w:p w14:paraId="32B7FA75" w14:textId="07AECA71" w:rsidR="00F83A44" w:rsidRPr="00F83A44" w:rsidRDefault="00BB2CA2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It chronicles, you know, acros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ax concessions, government spending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subsidies, the different way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 which governments provide support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o particular businesses</w:t>
      </w:r>
      <w:r>
        <w:rPr>
          <w:rFonts w:ascii="Arial" w:hAnsi="Arial" w:cs="Arial"/>
        </w:rPr>
        <w:t xml:space="preserve"> o</w:t>
      </w:r>
      <w:r w:rsidR="00F83A44" w:rsidRPr="00F83A44">
        <w:rPr>
          <w:rFonts w:ascii="Arial" w:hAnsi="Arial" w:cs="Arial"/>
        </w:rPr>
        <w:t>r industries.</w:t>
      </w:r>
    </w:p>
    <w:p w14:paraId="095D730E" w14:textId="77777777" w:rsidR="00BB2CA2" w:rsidRDefault="00BB2CA2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Peter Harri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I think one of th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most valuable things that TAR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does, is it provide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numbers in an area wher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ssertion dominates, and naturall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dominates.</w:t>
      </w:r>
    </w:p>
    <w:p w14:paraId="74806A72" w14:textId="7DEDCF71" w:rsidR="00F83A44" w:rsidRPr="00F83A44" w:rsidRDefault="00BB2CA2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Bill Scale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It's importan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ecause it's a contemporary document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t's able to be reviewed every year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t's published every year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So it gives us an understanding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f the nature change over time.</w:t>
      </w:r>
    </w:p>
    <w:p w14:paraId="083A9487" w14:textId="4AD3331E" w:rsidR="00F83A44" w:rsidRPr="00F83A44" w:rsidRDefault="00BB2CA2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We know that industry assistanc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can pop up for all sorts of reason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businesses are very goo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t turning up to government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asking for forms of assistance.</w:t>
      </w:r>
    </w:p>
    <w:p w14:paraId="31A8BE84" w14:textId="1F511CF1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But regularly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going back and thinking, you know,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does this make economic sense?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m I getting bang for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buck? Is a really important exercise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in making sure that we are making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 xml:space="preserve">the best use of </w:t>
      </w:r>
      <w:proofErr w:type="gramStart"/>
      <w:r w:rsidRPr="00F83A44">
        <w:rPr>
          <w:rFonts w:ascii="Arial" w:hAnsi="Arial" w:cs="Arial"/>
        </w:rPr>
        <w:t>taxpayers</w:t>
      </w:r>
      <w:proofErr w:type="gramEnd"/>
      <w:r w:rsidRPr="00F83A44">
        <w:rPr>
          <w:rFonts w:ascii="Arial" w:hAnsi="Arial" w:cs="Arial"/>
        </w:rPr>
        <w:t xml:space="preserve"> money.</w:t>
      </w:r>
    </w:p>
    <w:p w14:paraId="2C339F5C" w14:textId="2C14EA94" w:rsidR="00F83A44" w:rsidRPr="00F83A44" w:rsidRDefault="00BB2CA2" w:rsidP="00F83A44">
      <w:pPr>
        <w:spacing w:after="240"/>
        <w:rPr>
          <w:rFonts w:ascii="Arial" w:hAnsi="Arial" w:cs="Arial"/>
        </w:rPr>
      </w:pPr>
      <w:r w:rsidRPr="00BB2CA2">
        <w:rPr>
          <w:rFonts w:ascii="Arial" w:hAnsi="Arial" w:cs="Arial"/>
          <w:b/>
          <w:bCs/>
        </w:rPr>
        <w:t>Narrator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or decades, the Tariff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oard had advised the governmen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n tariffs for particular industries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ut during the coalition government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 the 1960s, arguments over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ariffs were running hot.</w:t>
      </w:r>
    </w:p>
    <w:p w14:paraId="53756177" w14:textId="77777777" w:rsidR="00F83A44" w:rsidRPr="00F83A44" w:rsidRDefault="00F83A44" w:rsidP="00F83A44">
      <w:pPr>
        <w:spacing w:after="240"/>
        <w:rPr>
          <w:rFonts w:ascii="Arial" w:hAnsi="Arial" w:cs="Arial"/>
        </w:rPr>
      </w:pPr>
    </w:p>
    <w:p w14:paraId="49834549" w14:textId="4CF37A4D" w:rsidR="00F83A44" w:rsidRPr="00F83A44" w:rsidRDefault="00BB2CA2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lastRenderedPageBreak/>
        <w:t>Michael Brennan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Alf Rattigan as the Chair of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 then Tariff Board, and then IAC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played a particularly pivotal role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He had poor relationship with th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n Deputy Prime Minister Blackjack McEwen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ho was a great advocat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f agricultural protectio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 xml:space="preserve">in particular, protection </w:t>
      </w:r>
      <w:r w:rsidRPr="00F83A44">
        <w:rPr>
          <w:rFonts w:ascii="Arial" w:hAnsi="Arial" w:cs="Arial"/>
        </w:rPr>
        <w:t>a</w:t>
      </w:r>
      <w:r>
        <w:rPr>
          <w:rFonts w:ascii="Arial" w:hAnsi="Arial" w:cs="Arial"/>
        </w:rPr>
        <w:t>l</w:t>
      </w:r>
      <w:r w:rsidRPr="00F83A44">
        <w:rPr>
          <w:rFonts w:ascii="Arial" w:hAnsi="Arial" w:cs="Arial"/>
        </w:rPr>
        <w:t>l round</w:t>
      </w:r>
      <w:r w:rsidR="00F83A44" w:rsidRPr="00F83A44">
        <w:rPr>
          <w:rFonts w:ascii="Arial" w:hAnsi="Arial" w:cs="Arial"/>
        </w:rPr>
        <w:t>.</w:t>
      </w:r>
    </w:p>
    <w:p w14:paraId="4B2DE1C7" w14:textId="64CEF9F0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Alf Rattigan really was at the vanguard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of identifying the costs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ssociated with that.</w:t>
      </w:r>
    </w:p>
    <w:p w14:paraId="7F7DB799" w14:textId="45728463" w:rsidR="00F83A44" w:rsidRPr="00F83A44" w:rsidRDefault="00BB2CA2" w:rsidP="00F83A44">
      <w:pPr>
        <w:spacing w:after="240"/>
        <w:rPr>
          <w:rFonts w:ascii="Arial" w:hAnsi="Arial" w:cs="Arial"/>
        </w:rPr>
      </w:pPr>
      <w:r w:rsidRPr="00BB2CA2">
        <w:rPr>
          <w:rFonts w:ascii="Arial" w:hAnsi="Arial" w:cs="Arial"/>
          <w:b/>
          <w:bCs/>
        </w:rPr>
        <w:t>Narrator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 1974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 Industries Assistance Commissio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replaced the Tariff Board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 Trade and Assistanc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Review started its lif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s part of the inaugural Annual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Report of the IAC.</w:t>
      </w:r>
    </w:p>
    <w:p w14:paraId="5FBECD4F" w14:textId="1BA2B9EC" w:rsidR="00F83A44" w:rsidRPr="00F83A44" w:rsidRDefault="00BB2CA2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Bill Scale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The Whitlam governmen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anted the Tariff Boar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o actually take a much broader view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f the reforming rol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Australia need to pla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o place itself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 a contemporary environment.</w:t>
      </w:r>
    </w:p>
    <w:p w14:paraId="270A915B" w14:textId="3239C3EC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So it was asking the,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hat was a newly formed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body, made out of the Tariff Board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o actually look more broadly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t the Australian economy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nd provide advice to government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bout the way by which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e Australian economy more broadly,</w:t>
      </w:r>
      <w:r w:rsidR="00BB2CA2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can become more competitive.</w:t>
      </w:r>
    </w:p>
    <w:p w14:paraId="5943F601" w14:textId="6CA99036" w:rsidR="00F83A44" w:rsidRPr="00F83A44" w:rsidRDefault="00BB2CA2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I think the journey that we wen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n, you know, through the 80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90s was a recognition, actually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consumer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ere losers from tariffs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if we were opening up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re would b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re would be benefit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or Australian consumers.</w:t>
      </w:r>
    </w:p>
    <w:p w14:paraId="11DAEDDC" w14:textId="7A1DDD57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But actually also having, you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know, businesses that could compete,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in the international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rena was going to drive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e kind of efficient businesses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at actually benefit the country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s a whole.</w:t>
      </w:r>
    </w:p>
    <w:p w14:paraId="34BA2D77" w14:textId="10B3AD58" w:rsidR="00F83A44" w:rsidRPr="00F83A44" w:rsidRDefault="002D4A67" w:rsidP="00F83A44">
      <w:pPr>
        <w:spacing w:after="240"/>
        <w:rPr>
          <w:rFonts w:ascii="Arial" w:hAnsi="Arial" w:cs="Arial"/>
        </w:rPr>
      </w:pPr>
      <w:r w:rsidRPr="00BB2CA2">
        <w:rPr>
          <w:rFonts w:ascii="Arial" w:hAnsi="Arial" w:cs="Arial"/>
          <w:b/>
          <w:bCs/>
        </w:rPr>
        <w:t>Narrator</w:t>
      </w:r>
      <w:r>
        <w:rPr>
          <w:rFonts w:ascii="Arial" w:hAnsi="Arial" w:cs="Arial"/>
          <w:b/>
          <w:bCs/>
        </w:rPr>
        <w:t xml:space="preserve">: </w:t>
      </w:r>
      <w:r w:rsidR="00F83A44" w:rsidRPr="00F83A44">
        <w:rPr>
          <w:rFonts w:ascii="Arial" w:hAnsi="Arial" w:cs="Arial"/>
        </w:rPr>
        <w:t>Max Corden was a trad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economist from Melbourn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 xml:space="preserve">whose book </w:t>
      </w:r>
      <w:r w:rsidR="00F83A44" w:rsidRPr="002D4A67">
        <w:rPr>
          <w:rFonts w:ascii="Arial" w:hAnsi="Arial" w:cs="Arial"/>
          <w:i/>
          <w:iCs/>
        </w:rPr>
        <w:t>Trade Policy and Economic</w:t>
      </w:r>
      <w:r>
        <w:rPr>
          <w:rFonts w:ascii="Arial" w:hAnsi="Arial" w:cs="Arial"/>
          <w:i/>
          <w:iCs/>
        </w:rPr>
        <w:t xml:space="preserve"> </w:t>
      </w:r>
      <w:r w:rsidR="00F83A44" w:rsidRPr="002D4A67">
        <w:rPr>
          <w:rFonts w:ascii="Arial" w:hAnsi="Arial" w:cs="Arial"/>
          <w:i/>
          <w:iCs/>
        </w:rPr>
        <w:t>Welfare</w:t>
      </w:r>
      <w:r w:rsidR="00F83A44" w:rsidRPr="00F83A44">
        <w:rPr>
          <w:rFonts w:ascii="Arial" w:hAnsi="Arial" w:cs="Arial"/>
        </w:rPr>
        <w:t xml:space="preserve"> articulated the cost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 xml:space="preserve">of Australia's trade protectionism for consumers, </w:t>
      </w:r>
      <w:r>
        <w:rPr>
          <w:rFonts w:ascii="Arial" w:hAnsi="Arial" w:cs="Arial"/>
        </w:rPr>
        <w:t>b</w:t>
      </w:r>
      <w:r w:rsidR="00F83A44" w:rsidRPr="00F83A44">
        <w:rPr>
          <w:rFonts w:ascii="Arial" w:hAnsi="Arial" w:cs="Arial"/>
        </w:rPr>
        <w:t>usinesse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the economy.</w:t>
      </w:r>
    </w:p>
    <w:p w14:paraId="53127C45" w14:textId="2452FC7A" w:rsidR="00F83A44" w:rsidRPr="00F83A44" w:rsidRDefault="002D4A67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Michael Brennan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Max Corde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as particularly important i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dentifying how you could calculat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effective rates of assistance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effective rates of protection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thereby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you know, think about the costs overall.</w:t>
      </w:r>
    </w:p>
    <w:p w14:paraId="2ECF2E62" w14:textId="77777777" w:rsidR="002D4A67" w:rsidRDefault="002D4A67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Bill Scale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The effective right of protectio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as the political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economic underpinning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f the reforms of the 80s and 90s.</w:t>
      </w:r>
      <w:r>
        <w:rPr>
          <w:rFonts w:ascii="Arial" w:hAnsi="Arial" w:cs="Arial"/>
        </w:rPr>
        <w:t xml:space="preserve"> </w:t>
      </w:r>
    </w:p>
    <w:p w14:paraId="5798D0B9" w14:textId="13729BC9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It basically argues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at the assistance provided to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n industry is determined not only by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e rate of tariffs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at apply to that industry,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but also that the tariffs that apply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o all inputs to that industry.</w:t>
      </w:r>
    </w:p>
    <w:p w14:paraId="2D651B87" w14:textId="7CDAE284" w:rsidR="00F83A44" w:rsidRPr="00F83A44" w:rsidRDefault="002D4A67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Michael Brennan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The effective rates of assistanc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ere pretty high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So the automotive tariff was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you know, getting close to 100% i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effective terms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re were very high rate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f tariff protection in area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like textile, clothing and footwear.</w:t>
      </w:r>
    </w:p>
    <w:p w14:paraId="20C67A31" w14:textId="643BAD29" w:rsidR="00F83A44" w:rsidRPr="00F83A44" w:rsidRDefault="002D4A67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Bill Scale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Bob Hawke was clearly important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ob Hawke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people often forget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as an important par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f the intellectual underpinning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f the reform process of the 80s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ut that began for him in the lat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1960s and early 1970s.</w:t>
      </w:r>
    </w:p>
    <w:p w14:paraId="7ADE4588" w14:textId="15A00579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lastRenderedPageBreak/>
        <w:t>And, of course, during the 1980s,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he was supported so ably by people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like John Button, as it turned out,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people like, of course, Paul Keating.</w:t>
      </w:r>
    </w:p>
    <w:p w14:paraId="60871B41" w14:textId="6B500F27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Bert Kelly,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he was somebody on the political side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ho was able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o reach across the aisle to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ose people who were wanting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o actually bring about reform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nd was also an important voice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for reform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ithin the coalition parties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during the 1970s and early 1980s.</w:t>
      </w:r>
    </w:p>
    <w:p w14:paraId="241D7C58" w14:textId="69155BDF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The 1980s was a period of great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political reform,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partly as a result of the outstanding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capabilities of the politicians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of the time who saw that Australia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needed to take its place in the world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nd it could no longer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live behind high tariff walls.</w:t>
      </w:r>
    </w:p>
    <w:p w14:paraId="1283088F" w14:textId="08323983" w:rsidR="00F83A44" w:rsidRPr="00F83A44" w:rsidRDefault="002D4A67" w:rsidP="002D4A67">
      <w:pPr>
        <w:tabs>
          <w:tab w:val="left" w:pos="5565"/>
        </w:tabs>
        <w:spacing w:after="240"/>
        <w:rPr>
          <w:rFonts w:ascii="Arial" w:hAnsi="Arial" w:cs="Arial"/>
        </w:rPr>
      </w:pPr>
      <w:r w:rsidRPr="002D4A67">
        <w:rPr>
          <w:rFonts w:ascii="Arial" w:hAnsi="Arial" w:cs="Arial"/>
          <w:b/>
          <w:bCs/>
        </w:rPr>
        <w:t>Narrator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ver decades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 assistance to Australian industr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rended downward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ut not at the same speed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ssistance to the textile, clothing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footwear industry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s well as the automotive industr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ell more slowly than other sectors.</w:t>
      </w:r>
    </w:p>
    <w:p w14:paraId="0F4B098B" w14:textId="6BF1DAF7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Even as tariffs fell, trade matters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continue to have an enduring impact</w:t>
      </w:r>
      <w:r w:rsidR="002D4A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on Australia.</w:t>
      </w:r>
    </w:p>
    <w:p w14:paraId="391469A3" w14:textId="5E0E0520" w:rsidR="00F83A44" w:rsidRPr="00F83A44" w:rsidRDefault="002D4A67" w:rsidP="00F83A44">
      <w:pPr>
        <w:spacing w:after="240"/>
        <w:rPr>
          <w:rFonts w:ascii="Arial" w:hAnsi="Arial" w:cs="Arial"/>
        </w:rPr>
      </w:pPr>
      <w:r w:rsidRPr="002D4A67">
        <w:rPr>
          <w:rFonts w:ascii="Arial" w:hAnsi="Arial" w:cs="Arial"/>
          <w:b/>
          <w:bCs/>
        </w:rPr>
        <w:t>Peter Harris: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 my time as Chair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e did see the rise of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populism and its expressio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 increased attempt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o protect economies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rom competition globally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 think the PC helped politician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come to terms with the fact tha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engaging with protectionis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sentiment was quite risk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or Australia.</w:t>
      </w:r>
    </w:p>
    <w:p w14:paraId="30F846D8" w14:textId="3A3E2F63" w:rsidR="00F83A44" w:rsidRPr="00F83A44" w:rsidRDefault="002D4A67" w:rsidP="00F83A44">
      <w:pPr>
        <w:spacing w:after="240"/>
        <w:rPr>
          <w:rFonts w:ascii="Arial" w:hAnsi="Arial" w:cs="Arial"/>
        </w:rPr>
      </w:pPr>
      <w:r w:rsidRPr="002D4A67">
        <w:rPr>
          <w:rFonts w:ascii="Arial" w:hAnsi="Arial" w:cs="Arial"/>
          <w:b/>
          <w:bCs/>
        </w:rPr>
        <w:t>Narrator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Since 2000, Australia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has entered 17 trade agreements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hile this has reduced some trad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arriers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t is also created a so-called noodl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owl of complexity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t was an issue the Productivit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Commission investigated in 2010.</w:t>
      </w:r>
    </w:p>
    <w:p w14:paraId="0FFD7052" w14:textId="77777777" w:rsidR="007E7B3F" w:rsidRDefault="002D4A67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Nuisance tariffs are something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the Commission has been talking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bout for a while through the TAR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through other reports.</w:t>
      </w:r>
      <w:r>
        <w:rPr>
          <w:rFonts w:ascii="Arial" w:hAnsi="Arial" w:cs="Arial"/>
        </w:rPr>
        <w:t xml:space="preserve"> </w:t>
      </w:r>
    </w:p>
    <w:p w14:paraId="62FD2FBB" w14:textId="01679870" w:rsidR="00F83A44" w:rsidRPr="00F83A44" w:rsidRDefault="007E7B3F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t>Michael Brennan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Nuisance tariffs are those tariffs</w:t>
      </w:r>
      <w:r w:rsidR="002D4A67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have fallen to very low levels and such that the particularly</w:t>
      </w:r>
      <w:r w:rsidR="002D4A67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y virtue of a number</w:t>
      </w:r>
      <w:r w:rsidR="002D4A67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f the preferential trade agreements</w:t>
      </w:r>
      <w:r w:rsidR="002D4A67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we have with other economies,</w:t>
      </w:r>
      <w:r w:rsidR="002D4A67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have now raised so little revenue</w:t>
      </w:r>
      <w:r w:rsidR="002D4A67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relative to the compliance cost of</w:t>
      </w:r>
      <w:r w:rsidR="002D4A67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dealing with both paying the tariff</w:t>
      </w:r>
      <w:r w:rsidR="002D4A67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ut also claiming exemptions</w:t>
      </w:r>
      <w:r w:rsidR="002D4A67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under various arrangements</w:t>
      </w:r>
      <w:r w:rsidR="002D4A67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we have.</w:t>
      </w:r>
    </w:p>
    <w:p w14:paraId="73038D7A" w14:textId="7B713C6D" w:rsidR="00F83A44" w:rsidRPr="00F83A44" w:rsidRDefault="007E7B3F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So we've been shining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 light on this issue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e were really delighte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hen the government announce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 it was actually abolishing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 whole range of these tariff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from the 1st of July this year.</w:t>
      </w:r>
    </w:p>
    <w:p w14:paraId="3142CE77" w14:textId="1043099C" w:rsidR="00F83A44" w:rsidRPr="00F83A44" w:rsidRDefault="007E7B3F" w:rsidP="00F83A44">
      <w:pPr>
        <w:spacing w:after="240"/>
        <w:rPr>
          <w:rFonts w:ascii="Arial" w:hAnsi="Arial" w:cs="Arial"/>
        </w:rPr>
      </w:pPr>
      <w:r w:rsidRPr="002D4A67">
        <w:rPr>
          <w:rFonts w:ascii="Arial" w:hAnsi="Arial" w:cs="Arial"/>
          <w:b/>
          <w:bCs/>
        </w:rPr>
        <w:t>Narrator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As the TAR turns 50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t continues to put a spotligh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on the impact of industry assistance.</w:t>
      </w:r>
    </w:p>
    <w:p w14:paraId="4B76F33C" w14:textId="44D6ABD2" w:rsidR="00F83A44" w:rsidRDefault="007E7B3F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What we've seen is a rise in what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 xml:space="preserve">we call behind the border </w:t>
      </w:r>
      <w:proofErr w:type="spellStart"/>
      <w:proofErr w:type="gramStart"/>
      <w:r w:rsidR="00F83A44" w:rsidRPr="00F83A44">
        <w:rPr>
          <w:rFonts w:ascii="Arial" w:hAnsi="Arial" w:cs="Arial"/>
        </w:rPr>
        <w:t>measures.So</w:t>
      </w:r>
      <w:proofErr w:type="spellEnd"/>
      <w:proofErr w:type="gramEnd"/>
      <w:r w:rsidR="00F83A44" w:rsidRPr="00F83A44">
        <w:rPr>
          <w:rFonts w:ascii="Arial" w:hAnsi="Arial" w:cs="Arial"/>
        </w:rPr>
        <w:t xml:space="preserve"> this is things like subsidie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o industry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ax concessions, local content rules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You know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re is any number of different way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 xml:space="preserve">that </w:t>
      </w:r>
      <w:proofErr w:type="gramStart"/>
      <w:r w:rsidR="00F83A44" w:rsidRPr="00F83A44">
        <w:rPr>
          <w:rFonts w:ascii="Arial" w:hAnsi="Arial" w:cs="Arial"/>
        </w:rPr>
        <w:t>these kind of measures</w:t>
      </w:r>
      <w:proofErr w:type="gramEnd"/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can proliferate.</w:t>
      </w:r>
    </w:p>
    <w:p w14:paraId="0E8EB29B" w14:textId="674614AF" w:rsidR="00F83A44" w:rsidRPr="00F83A44" w:rsidRDefault="007E7B3F" w:rsidP="00D94DB3">
      <w:pPr>
        <w:tabs>
          <w:tab w:val="left" w:pos="5010"/>
        </w:tabs>
        <w:spacing w:after="240"/>
        <w:rPr>
          <w:rFonts w:ascii="Arial" w:hAnsi="Arial" w:cs="Arial"/>
        </w:rPr>
      </w:pPr>
      <w:r w:rsidRPr="00F83A44">
        <w:rPr>
          <w:rFonts w:ascii="Arial" w:hAnsi="Arial" w:cs="Arial"/>
          <w:b/>
          <w:bCs/>
        </w:rPr>
        <w:lastRenderedPageBreak/>
        <w:t>Michael Brennan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If you can identify, what th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arrier actually is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hat the rules actually are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everybody can see it and you can</w:t>
      </w:r>
      <w:r w:rsidR="00D94DB3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eigh up the cost and benefits.</w:t>
      </w:r>
      <w:r w:rsidR="00D94DB3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's a good thing.</w:t>
      </w:r>
      <w:r w:rsidR="00D94DB3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that's,</w:t>
      </w:r>
      <w:r w:rsidR="00D94DB3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at's a problem</w:t>
      </w:r>
      <w:r w:rsidR="00D94DB3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ith some of the behind</w:t>
      </w:r>
      <w:r w:rsidR="00D94DB3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he border stuff,</w:t>
      </w:r>
      <w:r w:rsidR="00D94DB3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 xml:space="preserve">because it's a little </w:t>
      </w:r>
      <w:proofErr w:type="gramStart"/>
      <w:r w:rsidR="00F83A44" w:rsidRPr="00F83A44">
        <w:rPr>
          <w:rFonts w:ascii="Arial" w:hAnsi="Arial" w:cs="Arial"/>
        </w:rPr>
        <w:t>more opaque</w:t>
      </w:r>
      <w:proofErr w:type="gramEnd"/>
      <w:r w:rsidR="00F83A44" w:rsidRPr="00F83A44">
        <w:rPr>
          <w:rFonts w:ascii="Arial" w:hAnsi="Arial" w:cs="Arial"/>
        </w:rPr>
        <w:t>.</w:t>
      </w:r>
    </w:p>
    <w:p w14:paraId="131EDA34" w14:textId="18A53C0B" w:rsidR="00F83A44" w:rsidRPr="00F83A44" w:rsidRDefault="00D94DB3" w:rsidP="00F83A44">
      <w:pPr>
        <w:spacing w:after="240"/>
        <w:rPr>
          <w:rFonts w:ascii="Arial" w:hAnsi="Arial" w:cs="Arial"/>
        </w:rPr>
      </w:pPr>
      <w:r w:rsidRPr="002D4A67">
        <w:rPr>
          <w:rFonts w:ascii="Arial" w:hAnsi="Arial" w:cs="Arial"/>
          <w:b/>
          <w:bCs/>
        </w:rPr>
        <w:t>Peter Harris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Today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 xml:space="preserve">we're looking at </w:t>
      </w:r>
      <w:proofErr w:type="gramStart"/>
      <w:r w:rsidR="00F83A44" w:rsidRPr="00F83A44">
        <w:rPr>
          <w:rFonts w:ascii="Arial" w:hAnsi="Arial" w:cs="Arial"/>
        </w:rPr>
        <w:t>providing assistance</w:t>
      </w:r>
      <w:proofErr w:type="gramEnd"/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 the transitio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owards a low carbon economy.</w:t>
      </w:r>
      <w:r w:rsidR="001163E1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Now that's quite</w:t>
      </w:r>
      <w:r w:rsidR="001163E1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 reasonable thing to do</w:t>
      </w:r>
      <w:r w:rsidR="001163E1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because we don't have</w:t>
      </w:r>
      <w:r w:rsidR="001163E1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 pricing system</w:t>
      </w:r>
      <w:r w:rsidR="001163E1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 this economy</w:t>
      </w:r>
      <w:r w:rsidR="001163E1"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which reflects the cost of carbon.</w:t>
      </w:r>
    </w:p>
    <w:p w14:paraId="5B2A1449" w14:textId="7CB465AD" w:rsidR="00F83A44" w:rsidRPr="00F83A44" w:rsidRDefault="00F83A44" w:rsidP="00092287">
      <w:pPr>
        <w:tabs>
          <w:tab w:val="center" w:pos="4819"/>
        </w:tabs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Assistance</w:t>
      </w:r>
      <w:r w:rsidR="001163E1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is always going to be provided.</w:t>
      </w:r>
      <w:r w:rsidR="0009228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It's just it should be provided</w:t>
      </w:r>
      <w:r w:rsidR="00092287">
        <w:rPr>
          <w:rFonts w:ascii="Arial" w:hAnsi="Arial" w:cs="Arial"/>
        </w:rPr>
        <w:t xml:space="preserve">. </w:t>
      </w:r>
      <w:r w:rsidRPr="00F83A44">
        <w:rPr>
          <w:rFonts w:ascii="Arial" w:hAnsi="Arial" w:cs="Arial"/>
        </w:rPr>
        <w:t>On the basis of</w:t>
      </w:r>
      <w:r w:rsidR="0009228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common understandings</w:t>
      </w:r>
      <w:r w:rsidR="0009228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bout how much it costs,</w:t>
      </w:r>
      <w:r w:rsidR="0009228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both in dollar sense,</w:t>
      </w:r>
      <w:r w:rsidR="0009228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but also in terms of the skewing</w:t>
      </w:r>
      <w:r w:rsidR="0009228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of resource allocation away</w:t>
      </w:r>
      <w:r w:rsidR="0009228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from other parties that could otherwise</w:t>
      </w:r>
      <w:r w:rsidR="0009228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have used that assistance better.</w:t>
      </w:r>
    </w:p>
    <w:p w14:paraId="1B469B1D" w14:textId="7866D117" w:rsidR="00F83A44" w:rsidRPr="00F83A44" w:rsidRDefault="00092287" w:rsidP="00F83A44">
      <w:pPr>
        <w:spacing w:after="240"/>
        <w:rPr>
          <w:rFonts w:ascii="Arial" w:hAnsi="Arial" w:cs="Arial"/>
        </w:rPr>
      </w:pPr>
      <w:r w:rsidRPr="003915A0">
        <w:rPr>
          <w:rFonts w:ascii="Arial" w:hAnsi="Arial" w:cs="Arial"/>
          <w:b/>
          <w:bCs/>
        </w:rPr>
        <w:t>Danielle Wood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Look, I think we are in an era wher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dustry assistance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s, you know, back in fashion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in, in a big way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that that's a global trend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that's responding to, you know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concerns about climate change and,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and trying to get industries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ready for the green economy.</w:t>
      </w:r>
    </w:p>
    <w:p w14:paraId="348E07DF" w14:textId="153769BF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It's also responding to changes</w:t>
      </w:r>
      <w:r w:rsidR="0009228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or concerns about</w:t>
      </w:r>
      <w:r w:rsidR="0009228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supply chain resilience</w:t>
      </w:r>
      <w:r w:rsidR="0009228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nd security.</w:t>
      </w:r>
      <w:r w:rsidR="00492084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nd you know,</w:t>
      </w:r>
      <w:r w:rsidR="00492084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e are not immune to that.</w:t>
      </w:r>
      <w:r w:rsidR="008C0179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e've got a 23 billion,</w:t>
      </w:r>
      <w:r w:rsidR="008C0179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Future Made in Australia program,</w:t>
      </w:r>
      <w:r w:rsidR="008C0179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which is picking up on those themes.</w:t>
      </w:r>
    </w:p>
    <w:p w14:paraId="6BC2E27F" w14:textId="4F72ECD0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What I think is, is really important</w:t>
      </w:r>
      <w:r w:rsidR="008C0179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in those debates that we continue</w:t>
      </w:r>
      <w:r w:rsidR="008C0179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o go back to the need</w:t>
      </w:r>
      <w:r w:rsidR="008C0179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for rigorous decision making,</w:t>
      </w:r>
      <w:r w:rsidR="007B7C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e need for guard rails</w:t>
      </w:r>
      <w:r w:rsidR="007B7C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around these types of policies,</w:t>
      </w:r>
      <w:r w:rsidR="007B7C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constantly</w:t>
      </w:r>
      <w:r w:rsidR="007B7C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inking about value for money.</w:t>
      </w:r>
    </w:p>
    <w:p w14:paraId="7D65BC1C" w14:textId="381A9F15" w:rsidR="00F83A44" w:rsidRPr="00F83A44" w:rsidRDefault="00F83A44" w:rsidP="00F83A44">
      <w:pPr>
        <w:spacing w:after="240"/>
        <w:rPr>
          <w:rFonts w:ascii="Arial" w:hAnsi="Arial" w:cs="Arial"/>
        </w:rPr>
      </w:pPr>
      <w:r w:rsidRPr="00F83A44">
        <w:rPr>
          <w:rFonts w:ascii="Arial" w:hAnsi="Arial" w:cs="Arial"/>
        </w:rPr>
        <w:t>And, you know, that kind of exercise</w:t>
      </w:r>
      <w:r w:rsidR="007B7C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in shining a light</w:t>
      </w:r>
      <w:r w:rsidR="007B7C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on what governments are doing</w:t>
      </w:r>
      <w:r w:rsidR="007B7C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is something</w:t>
      </w:r>
      <w:r w:rsidR="001D7104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that the TAR</w:t>
      </w:r>
      <w:r w:rsidR="007B7C67">
        <w:rPr>
          <w:rFonts w:ascii="Arial" w:hAnsi="Arial" w:cs="Arial"/>
        </w:rPr>
        <w:t xml:space="preserve"> </w:t>
      </w:r>
      <w:r w:rsidRPr="00F83A44">
        <w:rPr>
          <w:rFonts w:ascii="Arial" w:hAnsi="Arial" w:cs="Arial"/>
        </w:rPr>
        <w:t>has been doing for 50 years.</w:t>
      </w:r>
    </w:p>
    <w:p w14:paraId="24E2DE3E" w14:textId="64798855" w:rsidR="00F83A44" w:rsidRDefault="00C52368" w:rsidP="00F83A44">
      <w:pPr>
        <w:spacing w:after="240"/>
        <w:rPr>
          <w:rFonts w:ascii="Arial" w:hAnsi="Arial" w:cs="Arial"/>
        </w:rPr>
      </w:pPr>
      <w:r w:rsidRPr="002D4A67">
        <w:rPr>
          <w:rFonts w:ascii="Arial" w:hAnsi="Arial" w:cs="Arial"/>
          <w:b/>
          <w:bCs/>
        </w:rPr>
        <w:t>Narrator:</w:t>
      </w:r>
      <w:r>
        <w:rPr>
          <w:rFonts w:ascii="Arial" w:hAnsi="Arial" w:cs="Arial"/>
          <w:b/>
          <w:bCs/>
        </w:rPr>
        <w:t xml:space="preserve"> </w:t>
      </w:r>
      <w:r w:rsidR="00F83A44" w:rsidRPr="00F83A44">
        <w:rPr>
          <w:rFonts w:ascii="Arial" w:hAnsi="Arial" w:cs="Arial"/>
        </w:rPr>
        <w:t>The Productivity Commission continues to produce the TAR each year.</w:t>
      </w:r>
      <w:r>
        <w:rPr>
          <w:rFonts w:ascii="Arial" w:hAnsi="Arial" w:cs="Arial"/>
        </w:rPr>
        <w:t xml:space="preserve"> </w:t>
      </w:r>
      <w:r w:rsidR="00F83A44" w:rsidRPr="00F83A44">
        <w:rPr>
          <w:rFonts w:ascii="Arial" w:hAnsi="Arial" w:cs="Arial"/>
        </w:rPr>
        <w:t>To find out more visit pc.gov.au</w:t>
      </w:r>
    </w:p>
    <w:sectPr w:rsidR="00F83A44" w:rsidSect="00B42D01">
      <w:headerReference w:type="default" r:id="rId9"/>
      <w:footerReference w:type="default" r:id="rId10"/>
      <w:pgSz w:w="11906" w:h="16838"/>
      <w:pgMar w:top="2693" w:right="1134" w:bottom="1701" w:left="1134" w:header="426" w:footer="87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45C5EA61" w14:textId="77777777" w:rsidR="00F83A44" w:rsidRDefault="00F83A44" w:rsidP="00BF738A">
      <w:pPr>
        <w:spacing w:after="0" w:line="240" w:lineRule="auto"/>
      </w:pPr>
      <w:r>
        <w:separator/>
      </w:r>
    </w:p>
  </w:endnote>
  <w:endnote w:type="continuationSeparator" w:id="0">
    <w:p w14:paraId="7FD8CD93" w14:textId="77777777" w:rsidR="00F83A44" w:rsidRDefault="00F83A44" w:rsidP="00BF738A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8D81CD5" w14:textId="29CFDDC4" w:rsidR="00BF738A" w:rsidRPr="00724381" w:rsidRDefault="00BC2B85" w:rsidP="00D57238">
    <w:pPr>
      <w:tabs>
        <w:tab w:val="left" w:pos="2552"/>
        <w:tab w:val="right" w:pos="9072"/>
      </w:tabs>
      <w:spacing w:before="100" w:beforeAutospacing="1" w:after="100" w:afterAutospacing="1" w:line="260" w:lineRule="atLeast"/>
      <w:ind w:left="142" w:right="-427"/>
      <w:rPr>
        <w:rFonts w:ascii="Arial" w:eastAsia="Times New Roman" w:hAnsi="Arial" w:cs="Arial"/>
        <w:kern w:val="16"/>
        <w:sz w:val="20"/>
        <w:szCs w:val="20"/>
        <w:lang w:eastAsia="en-AU"/>
      </w:rPr>
    </w:pPr>
    <w:r w:rsidRPr="00724381">
      <w:rPr>
        <w:rFonts w:ascii="Arial" w:eastAsia="Times New Roman" w:hAnsi="Arial" w:cs="Arial"/>
        <w:noProof/>
        <w:kern w:val="16"/>
        <w:sz w:val="20"/>
        <w:szCs w:val="20"/>
        <w:lang w:eastAsia="en-AU"/>
      </w:rPr>
      <w:drawing>
        <wp:anchor distT="0" distB="0" distL="114300" distR="114300" simplePos="0" relativeHeight="251659264" behindDoc="1" locked="0" layoutInCell="1" allowOverlap="1" wp14:anchorId="38261E69" wp14:editId="59DB4142">
          <wp:simplePos x="0" y="0"/>
          <wp:positionH relativeFrom="page">
            <wp:posOffset>0</wp:posOffset>
          </wp:positionH>
          <wp:positionV relativeFrom="page">
            <wp:posOffset>9708251</wp:posOffset>
          </wp:positionV>
          <wp:extent cx="7604125" cy="983450"/>
          <wp:effectExtent l="0" t="0" r="0" b="7620"/>
          <wp:wrapNone/>
          <wp:docPr id="6" name="Picture 6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" name="Picture 6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604125" cy="98345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hyperlink r:id="rId2" w:history="1">
      <w:r w:rsidR="007621E4" w:rsidRPr="00FA337E">
        <w:t>www.pc.gov.au</w:t>
      </w:r>
    </w:hyperlink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61BAF7DE" w14:textId="77777777" w:rsidR="00F83A44" w:rsidRDefault="00F83A44" w:rsidP="00BF738A">
      <w:pPr>
        <w:spacing w:after="0" w:line="240" w:lineRule="auto"/>
      </w:pPr>
      <w:r>
        <w:separator/>
      </w:r>
    </w:p>
  </w:footnote>
  <w:footnote w:type="continuationSeparator" w:id="0">
    <w:p w14:paraId="62A908FE" w14:textId="77777777" w:rsidR="00F83A44" w:rsidRDefault="00F83A44" w:rsidP="00BF738A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B7FA2D2" w14:textId="77777777" w:rsidR="00BF738A" w:rsidRPr="00011CBB" w:rsidRDefault="00057037" w:rsidP="00011CBB">
    <w:pPr>
      <w:spacing w:before="120" w:after="0" w:line="240" w:lineRule="auto"/>
      <w:ind w:right="-46"/>
      <w:rPr>
        <w:rFonts w:ascii="Arial Black" w:eastAsia="Times New Roman" w:hAnsi="Arial Black" w:cs="Arial"/>
        <w:b/>
        <w:color w:val="FFFFFF" w:themeColor="background1"/>
        <w:sz w:val="36"/>
        <w:szCs w:val="36"/>
        <w:lang w:eastAsia="en-AU"/>
      </w:rPr>
    </w:pPr>
    <w:r w:rsidRPr="00B42D01">
      <w:rPr>
        <w:rFonts w:ascii="Arial Black" w:eastAsia="Times New Roman" w:hAnsi="Arial Black" w:cs="Arial"/>
        <w:b/>
        <w:noProof/>
        <w:color w:val="265A9A" w:themeColor="background2"/>
        <w:sz w:val="36"/>
        <w:szCs w:val="36"/>
        <w:highlight w:val="yellow"/>
        <w:lang w:eastAsia="en-AU"/>
      </w:rPr>
      <w:drawing>
        <wp:anchor distT="0" distB="0" distL="114300" distR="114300" simplePos="0" relativeHeight="251660288" behindDoc="0" locked="0" layoutInCell="1" allowOverlap="1" wp14:anchorId="4E21AF1B" wp14:editId="238B6D36">
          <wp:simplePos x="0" y="0"/>
          <wp:positionH relativeFrom="page">
            <wp:posOffset>-17253</wp:posOffset>
          </wp:positionH>
          <wp:positionV relativeFrom="page">
            <wp:posOffset>8626</wp:posOffset>
          </wp:positionV>
          <wp:extent cx="7596000" cy="1173843"/>
          <wp:effectExtent l="0" t="0" r="5080" b="7620"/>
          <wp:wrapNone/>
          <wp:docPr id="5" name="Picture 5" descr="Australian Government Productivity Commission 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Picture 5" descr="Australian Government Productivity Commission logo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-302" r="2793"/>
                  <a:stretch/>
                </pic:blipFill>
                <pic:spPr bwMode="auto">
                  <a:xfrm>
                    <a:off x="0" y="0"/>
                    <a:ext cx="7596000" cy="1173843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82"/>
    <w:multiLevelType w:val="singleLevel"/>
    <w:tmpl w:val="04ACBD86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1" w15:restartNumberingAfterBreak="0">
    <w:nsid w:val="FFFFFF83"/>
    <w:multiLevelType w:val="singleLevel"/>
    <w:tmpl w:val="4316FB5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2" w15:restartNumberingAfterBreak="0">
    <w:nsid w:val="FFFFFF88"/>
    <w:multiLevelType w:val="singleLevel"/>
    <w:tmpl w:val="8E20ED2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" w15:restartNumberingAfterBreak="0">
    <w:nsid w:val="FFFFFF89"/>
    <w:multiLevelType w:val="singleLevel"/>
    <w:tmpl w:val="D592EB3C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4" w15:restartNumberingAfterBreak="0">
    <w:nsid w:val="0F3E6C9D"/>
    <w:multiLevelType w:val="multilevel"/>
    <w:tmpl w:val="FF8069A4"/>
    <w:lvl w:ilvl="0">
      <w:start w:val="1"/>
      <w:numFmt w:val="bullet"/>
      <w:pStyle w:val="ListBullet"/>
      <w:lvlText w:val="•"/>
      <w:lvlJc w:val="left"/>
      <w:pPr>
        <w:ind w:left="227" w:hanging="227"/>
      </w:pPr>
      <w:rPr>
        <w:rFonts w:ascii="Times New Roman" w:hAnsi="Times New Roman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454" w:hanging="227"/>
      </w:pPr>
      <w:rPr>
        <w:rFonts w:ascii="Arial" w:hAnsi="Arial" w:hint="default"/>
        <w:color w:val="auto"/>
      </w:rPr>
    </w:lvl>
    <w:lvl w:ilvl="2">
      <w:start w:val="1"/>
      <w:numFmt w:val="bullet"/>
      <w:pStyle w:val="ListBullet3"/>
      <w:lvlText w:val="»"/>
      <w:lvlJc w:val="left"/>
      <w:pPr>
        <w:ind w:left="907" w:hanging="227"/>
      </w:pPr>
      <w:rPr>
        <w:rFonts w:ascii="Arial" w:hAnsi="Arial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907" w:hanging="227"/>
      </w:pPr>
      <w:rPr>
        <w:rFonts w:ascii="Arial" w:hAnsi="Arial" w:hint="default"/>
        <w:color w:val="auto"/>
      </w:rPr>
    </w:lvl>
    <w:lvl w:ilvl="4">
      <w:start w:val="1"/>
      <w:numFmt w:val="bullet"/>
      <w:lvlText w:val="–"/>
      <w:lvlJc w:val="left"/>
      <w:pPr>
        <w:ind w:left="1134" w:hanging="227"/>
      </w:pPr>
      <w:rPr>
        <w:rFonts w:ascii="Arial" w:hAnsi="Arial" w:hint="default"/>
        <w:color w:val="auto"/>
      </w:rPr>
    </w:lvl>
    <w:lvl w:ilvl="5">
      <w:start w:val="1"/>
      <w:numFmt w:val="bullet"/>
      <w:lvlText w:val="–"/>
      <w:lvlJc w:val="left"/>
      <w:pPr>
        <w:ind w:left="1361" w:hanging="227"/>
      </w:pPr>
      <w:rPr>
        <w:rFonts w:ascii="Arial" w:hAnsi="Arial" w:hint="default"/>
      </w:rPr>
    </w:lvl>
    <w:lvl w:ilvl="6">
      <w:start w:val="1"/>
      <w:numFmt w:val="bullet"/>
      <w:lvlText w:val="–"/>
      <w:lvlJc w:val="left"/>
      <w:pPr>
        <w:ind w:left="1588" w:hanging="227"/>
      </w:pPr>
      <w:rPr>
        <w:rFonts w:ascii="Arial" w:hAnsi="Arial" w:hint="default"/>
      </w:rPr>
    </w:lvl>
    <w:lvl w:ilvl="7">
      <w:start w:val="1"/>
      <w:numFmt w:val="bullet"/>
      <w:lvlText w:val="–"/>
      <w:lvlJc w:val="left"/>
      <w:pPr>
        <w:ind w:left="1814" w:hanging="226"/>
      </w:pPr>
      <w:rPr>
        <w:rFonts w:ascii="Arial" w:hAnsi="Arial" w:hint="default"/>
      </w:rPr>
    </w:lvl>
    <w:lvl w:ilvl="8">
      <w:start w:val="1"/>
      <w:numFmt w:val="bullet"/>
      <w:lvlText w:val="–"/>
      <w:lvlJc w:val="left"/>
      <w:pPr>
        <w:tabs>
          <w:tab w:val="num" w:pos="2211"/>
        </w:tabs>
        <w:ind w:left="2041" w:hanging="227"/>
      </w:pPr>
      <w:rPr>
        <w:rFonts w:ascii="Arial" w:hAnsi="Arial" w:hint="default"/>
      </w:rPr>
    </w:lvl>
  </w:abstractNum>
  <w:abstractNum w:abstractNumId="5" w15:restartNumberingAfterBreak="0">
    <w:nsid w:val="3BA31FB5"/>
    <w:multiLevelType w:val="hybridMultilevel"/>
    <w:tmpl w:val="304645F2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3F83426C"/>
    <w:multiLevelType w:val="hybridMultilevel"/>
    <w:tmpl w:val="D0D052BC"/>
    <w:lvl w:ilvl="0" w:tplc="0C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7" w15:restartNumberingAfterBreak="0">
    <w:nsid w:val="6E0618D1"/>
    <w:multiLevelType w:val="hybridMultilevel"/>
    <w:tmpl w:val="6F941964"/>
    <w:lvl w:ilvl="0" w:tplc="0C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8" w15:restartNumberingAfterBreak="0">
    <w:nsid w:val="77B1079C"/>
    <w:multiLevelType w:val="hybridMultilevel"/>
    <w:tmpl w:val="E6FABC3E"/>
    <w:lvl w:ilvl="0" w:tplc="0C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C090019" w:tentative="1">
      <w:start w:val="1"/>
      <w:numFmt w:val="lowerLetter"/>
      <w:lvlText w:val="%2."/>
      <w:lvlJc w:val="left"/>
      <w:pPr>
        <w:ind w:left="1440" w:hanging="360"/>
      </w:pPr>
    </w:lvl>
    <w:lvl w:ilvl="2" w:tplc="0C09001B" w:tentative="1">
      <w:start w:val="1"/>
      <w:numFmt w:val="lowerRoman"/>
      <w:lvlText w:val="%3."/>
      <w:lvlJc w:val="right"/>
      <w:pPr>
        <w:ind w:left="2160" w:hanging="180"/>
      </w:pPr>
    </w:lvl>
    <w:lvl w:ilvl="3" w:tplc="0C09000F" w:tentative="1">
      <w:start w:val="1"/>
      <w:numFmt w:val="decimal"/>
      <w:lvlText w:val="%4."/>
      <w:lvlJc w:val="left"/>
      <w:pPr>
        <w:ind w:left="2880" w:hanging="360"/>
      </w:pPr>
    </w:lvl>
    <w:lvl w:ilvl="4" w:tplc="0C090019" w:tentative="1">
      <w:start w:val="1"/>
      <w:numFmt w:val="lowerLetter"/>
      <w:lvlText w:val="%5."/>
      <w:lvlJc w:val="left"/>
      <w:pPr>
        <w:ind w:left="3600" w:hanging="360"/>
      </w:pPr>
    </w:lvl>
    <w:lvl w:ilvl="5" w:tplc="0C09001B" w:tentative="1">
      <w:start w:val="1"/>
      <w:numFmt w:val="lowerRoman"/>
      <w:lvlText w:val="%6."/>
      <w:lvlJc w:val="right"/>
      <w:pPr>
        <w:ind w:left="4320" w:hanging="180"/>
      </w:pPr>
    </w:lvl>
    <w:lvl w:ilvl="6" w:tplc="0C09000F" w:tentative="1">
      <w:start w:val="1"/>
      <w:numFmt w:val="decimal"/>
      <w:lvlText w:val="%7."/>
      <w:lvlJc w:val="left"/>
      <w:pPr>
        <w:ind w:left="5040" w:hanging="360"/>
      </w:pPr>
    </w:lvl>
    <w:lvl w:ilvl="7" w:tplc="0C090019" w:tentative="1">
      <w:start w:val="1"/>
      <w:numFmt w:val="lowerLetter"/>
      <w:lvlText w:val="%8."/>
      <w:lvlJc w:val="left"/>
      <w:pPr>
        <w:ind w:left="5760" w:hanging="360"/>
      </w:pPr>
    </w:lvl>
    <w:lvl w:ilvl="8" w:tplc="0C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989825891">
    <w:abstractNumId w:val="7"/>
  </w:num>
  <w:num w:numId="2" w16cid:durableId="121312740">
    <w:abstractNumId w:val="8"/>
  </w:num>
  <w:num w:numId="3" w16cid:durableId="668752805">
    <w:abstractNumId w:val="6"/>
  </w:num>
  <w:num w:numId="4" w16cid:durableId="1560357964">
    <w:abstractNumId w:val="5"/>
  </w:num>
  <w:num w:numId="5" w16cid:durableId="1329822127">
    <w:abstractNumId w:val="3"/>
  </w:num>
  <w:num w:numId="6" w16cid:durableId="2125341725">
    <w:abstractNumId w:val="4"/>
  </w:num>
  <w:num w:numId="7" w16cid:durableId="897280485">
    <w:abstractNumId w:val="1"/>
  </w:num>
  <w:num w:numId="8" w16cid:durableId="430054929">
    <w:abstractNumId w:val="4"/>
  </w:num>
  <w:num w:numId="9" w16cid:durableId="1440175993">
    <w:abstractNumId w:val="0"/>
  </w:num>
  <w:num w:numId="10" w16cid:durableId="792558460">
    <w:abstractNumId w:val="4"/>
  </w:num>
  <w:num w:numId="11" w16cid:durableId="477503543">
    <w:abstractNumId w:val="2"/>
  </w:num>
  <w:num w:numId="12" w16cid:durableId="21589183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stylePaneFormatFilter w:val="1008" w:allStyles="0" w:customStyles="0" w:latentStyles="0" w:stylesInUse="1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83A44"/>
    <w:rsid w:val="00011CBB"/>
    <w:rsid w:val="00033C05"/>
    <w:rsid w:val="00047A48"/>
    <w:rsid w:val="00057037"/>
    <w:rsid w:val="00092287"/>
    <w:rsid w:val="000F19DA"/>
    <w:rsid w:val="00100C76"/>
    <w:rsid w:val="001163E1"/>
    <w:rsid w:val="00181FC7"/>
    <w:rsid w:val="001D7104"/>
    <w:rsid w:val="002143B9"/>
    <w:rsid w:val="002647C2"/>
    <w:rsid w:val="00291F53"/>
    <w:rsid w:val="00297CAC"/>
    <w:rsid w:val="002D4A67"/>
    <w:rsid w:val="002E2DFE"/>
    <w:rsid w:val="003915A0"/>
    <w:rsid w:val="003C1246"/>
    <w:rsid w:val="003D5F85"/>
    <w:rsid w:val="00402C39"/>
    <w:rsid w:val="004307F3"/>
    <w:rsid w:val="00430C34"/>
    <w:rsid w:val="00452FB0"/>
    <w:rsid w:val="0045671A"/>
    <w:rsid w:val="00490D0C"/>
    <w:rsid w:val="00492084"/>
    <w:rsid w:val="00494DE7"/>
    <w:rsid w:val="004B1EAA"/>
    <w:rsid w:val="004F28F5"/>
    <w:rsid w:val="00512B84"/>
    <w:rsid w:val="00553586"/>
    <w:rsid w:val="005B7CB8"/>
    <w:rsid w:val="00613E38"/>
    <w:rsid w:val="00623D71"/>
    <w:rsid w:val="00626F0D"/>
    <w:rsid w:val="006F24AB"/>
    <w:rsid w:val="00713AEE"/>
    <w:rsid w:val="00724381"/>
    <w:rsid w:val="007621E4"/>
    <w:rsid w:val="00794A31"/>
    <w:rsid w:val="007B7C67"/>
    <w:rsid w:val="007D0634"/>
    <w:rsid w:val="007E7B3F"/>
    <w:rsid w:val="007F0ABD"/>
    <w:rsid w:val="007F4BD6"/>
    <w:rsid w:val="0089558D"/>
    <w:rsid w:val="008C0179"/>
    <w:rsid w:val="008E2A86"/>
    <w:rsid w:val="009251C4"/>
    <w:rsid w:val="0093064C"/>
    <w:rsid w:val="009A7E69"/>
    <w:rsid w:val="009F696C"/>
    <w:rsid w:val="00A35AE7"/>
    <w:rsid w:val="00A64B91"/>
    <w:rsid w:val="00A679F7"/>
    <w:rsid w:val="00AF5830"/>
    <w:rsid w:val="00AF5C1A"/>
    <w:rsid w:val="00B00048"/>
    <w:rsid w:val="00B040EA"/>
    <w:rsid w:val="00B42D01"/>
    <w:rsid w:val="00B43566"/>
    <w:rsid w:val="00B72AAF"/>
    <w:rsid w:val="00BA2E93"/>
    <w:rsid w:val="00BB2CA2"/>
    <w:rsid w:val="00BC2B85"/>
    <w:rsid w:val="00BF738A"/>
    <w:rsid w:val="00C016E5"/>
    <w:rsid w:val="00C226DB"/>
    <w:rsid w:val="00C25EA6"/>
    <w:rsid w:val="00C52368"/>
    <w:rsid w:val="00C63A5F"/>
    <w:rsid w:val="00CB46EE"/>
    <w:rsid w:val="00CD6563"/>
    <w:rsid w:val="00D57238"/>
    <w:rsid w:val="00D71B50"/>
    <w:rsid w:val="00D86D6E"/>
    <w:rsid w:val="00D94DB3"/>
    <w:rsid w:val="00DA1A0B"/>
    <w:rsid w:val="00E12FC6"/>
    <w:rsid w:val="00ED65C2"/>
    <w:rsid w:val="00EE15BB"/>
    <w:rsid w:val="00F83A44"/>
    <w:rsid w:val="00FE4347"/>
    <w:rsid w:val="00FE531F"/>
    <w:rsid w:val="00FF05F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9B3ABEC"/>
  <w15:docId w15:val="{5FA63342-CBDB-4332-96BC-A71125DDA1D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1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1" w:unhideWhenUsed="1" w:qFormat="1"/>
    <w:lsdException w:name="List Bullet 3" w:semiHidden="1" w:uiPriority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semiHidden="1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2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613E38"/>
  </w:style>
  <w:style w:type="paragraph" w:styleId="Heading1">
    <w:name w:val="heading 1"/>
    <w:basedOn w:val="Normal"/>
    <w:next w:val="Normal"/>
    <w:link w:val="Heading1Char"/>
    <w:uiPriority w:val="9"/>
    <w:qFormat/>
    <w:rsid w:val="00033C05"/>
    <w:pPr>
      <w:keepNext/>
      <w:keepLines/>
      <w:spacing w:before="240" w:after="120"/>
      <w:outlineLvl w:val="0"/>
    </w:pPr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033C05"/>
    <w:pPr>
      <w:keepNext/>
      <w:keepLines/>
      <w:spacing w:before="40" w:after="80"/>
      <w:outlineLvl w:val="1"/>
    </w:pPr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ED65C2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unhideWhenUsed/>
    <w:qFormat/>
    <w:rsid w:val="00B72AAF"/>
    <w:pPr>
      <w:keepNext/>
      <w:keepLines/>
      <w:spacing w:before="120" w:after="80"/>
      <w:outlineLvl w:val="3"/>
    </w:pPr>
    <w:rPr>
      <w:rFonts w:asciiTheme="majorHAnsi" w:eastAsiaTheme="majorEastAsia" w:hAnsiTheme="majorHAnsi" w:cstheme="majorBidi"/>
      <w:i/>
      <w:iCs/>
      <w:color w:val="265A9A" w:themeColor="background2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C25EA6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265A9A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unhideWhenUsed/>
    <w:rsid w:val="00033C05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033C05"/>
    <w:rPr>
      <w:rFonts w:ascii="Tahoma" w:hAnsi="Tahoma" w:cs="Tahoma"/>
      <w:sz w:val="16"/>
      <w:szCs w:val="16"/>
    </w:rPr>
  </w:style>
  <w:style w:type="character" w:styleId="BookTitle">
    <w:name w:val="Book Title"/>
    <w:basedOn w:val="DefaultParagraphFont"/>
    <w:uiPriority w:val="33"/>
    <w:semiHidden/>
    <w:rsid w:val="00033C05"/>
    <w:rPr>
      <w:b/>
      <w:bCs/>
      <w:i/>
      <w:iCs/>
      <w:spacing w:val="5"/>
    </w:rPr>
  </w:style>
  <w:style w:type="character" w:styleId="FollowedHyperlink">
    <w:name w:val="FollowedHyperlink"/>
    <w:basedOn w:val="DefaultParagraphFont"/>
    <w:uiPriority w:val="99"/>
    <w:semiHidden/>
    <w:unhideWhenUsed/>
    <w:rsid w:val="00033C05"/>
    <w:rPr>
      <w:color w:val="BFBFBF" w:themeColor="followedHyperlink"/>
      <w:u w:val="single"/>
    </w:rPr>
  </w:style>
  <w:style w:type="paragraph" w:styleId="Footer">
    <w:name w:val="footer"/>
    <w:basedOn w:val="Normal"/>
    <w:link w:val="FooterChar"/>
    <w:uiPriority w:val="99"/>
    <w:unhideWhenUsed/>
    <w:rsid w:val="00033C05"/>
    <w:pPr>
      <w:tabs>
        <w:tab w:val="left" w:pos="2552"/>
        <w:tab w:val="right" w:pos="9072"/>
      </w:tabs>
      <w:spacing w:before="100" w:beforeAutospacing="1" w:after="100" w:afterAutospacing="1" w:line="260" w:lineRule="atLeast"/>
      <w:ind w:left="284" w:right="-427"/>
    </w:pPr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character" w:customStyle="1" w:styleId="FooterChar">
    <w:name w:val="Footer Char"/>
    <w:basedOn w:val="DefaultParagraphFont"/>
    <w:link w:val="Footer"/>
    <w:uiPriority w:val="99"/>
    <w:rsid w:val="00033C05"/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paragraph" w:styleId="Header">
    <w:name w:val="header"/>
    <w:basedOn w:val="Normal"/>
    <w:link w:val="HeaderChar"/>
    <w:uiPriority w:val="99"/>
    <w:unhideWhenUsed/>
    <w:rsid w:val="00033C05"/>
    <w:pPr>
      <w:spacing w:before="200" w:after="0" w:line="240" w:lineRule="auto"/>
      <w:ind w:right="-567"/>
      <w:contextualSpacing/>
      <w:jc w:val="right"/>
    </w:pPr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customStyle="1" w:styleId="Heading1Char">
    <w:name w:val="Heading 1 Char"/>
    <w:basedOn w:val="DefaultParagraphFont"/>
    <w:link w:val="Heading1"/>
    <w:uiPriority w:val="9"/>
    <w:rsid w:val="00033C05"/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033C05"/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ED65C2"/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character" w:customStyle="1" w:styleId="HeaderChar">
    <w:name w:val="Header Char"/>
    <w:basedOn w:val="DefaultParagraphFont"/>
    <w:link w:val="Header"/>
    <w:uiPriority w:val="99"/>
    <w:rsid w:val="00033C05"/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styleId="Hyperlink">
    <w:name w:val="Hyperlink"/>
    <w:basedOn w:val="DefaultParagraphFont"/>
    <w:uiPriority w:val="99"/>
    <w:qFormat/>
    <w:rsid w:val="00033C05"/>
    <w:rPr>
      <w:color w:val="265A9A"/>
      <w:u w:val="single"/>
    </w:rPr>
  </w:style>
  <w:style w:type="character" w:styleId="IntenseEmphasis">
    <w:name w:val="Intense Emphasis"/>
    <w:basedOn w:val="DefaultParagraphFont"/>
    <w:uiPriority w:val="21"/>
    <w:rsid w:val="00033C05"/>
    <w:rPr>
      <w:i/>
      <w:iCs/>
      <w:color w:val="265A9A" w:themeColor="background2"/>
    </w:rPr>
  </w:style>
  <w:style w:type="character" w:customStyle="1" w:styleId="Heading4Char">
    <w:name w:val="Heading 4 Char"/>
    <w:basedOn w:val="DefaultParagraphFont"/>
    <w:link w:val="Heading4"/>
    <w:uiPriority w:val="9"/>
    <w:rsid w:val="00B72AAF"/>
    <w:rPr>
      <w:rFonts w:asciiTheme="majorHAnsi" w:eastAsiaTheme="majorEastAsia" w:hAnsiTheme="majorHAnsi" w:cstheme="majorBidi"/>
      <w:i/>
      <w:iCs/>
      <w:color w:val="265A9A" w:themeColor="background2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033C05"/>
    <w:pPr>
      <w:pBdr>
        <w:top w:val="single" w:sz="4" w:space="10" w:color="265A9A" w:themeColor="background2"/>
        <w:bottom w:val="single" w:sz="4" w:space="10" w:color="265A9A" w:themeColor="background2"/>
      </w:pBdr>
      <w:spacing w:before="360" w:after="360"/>
      <w:ind w:left="864" w:right="864"/>
      <w:jc w:val="center"/>
    </w:pPr>
    <w:rPr>
      <w:i/>
      <w:iCs/>
      <w:color w:val="265A9A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713AEE"/>
    <w:rPr>
      <w:i/>
      <w:iCs/>
      <w:color w:val="265A9A"/>
    </w:rPr>
  </w:style>
  <w:style w:type="paragraph" w:styleId="ListBullet">
    <w:name w:val="List Bullet"/>
    <w:basedOn w:val="Normal"/>
    <w:link w:val="ListBulletChar"/>
    <w:uiPriority w:val="1"/>
    <w:qFormat/>
    <w:rsid w:val="00033C05"/>
    <w:pPr>
      <w:numPr>
        <w:numId w:val="10"/>
      </w:numPr>
      <w:spacing w:before="60" w:after="60"/>
      <w:contextualSpacing/>
    </w:pPr>
    <w:rPr>
      <w:szCs w:val="20"/>
    </w:rPr>
  </w:style>
  <w:style w:type="character" w:customStyle="1" w:styleId="ListBulletChar">
    <w:name w:val="List Bullet Char"/>
    <w:basedOn w:val="DefaultParagraphFont"/>
    <w:link w:val="ListBullet"/>
    <w:uiPriority w:val="1"/>
    <w:rsid w:val="00033C05"/>
    <w:rPr>
      <w:szCs w:val="20"/>
    </w:rPr>
  </w:style>
  <w:style w:type="paragraph" w:styleId="ListBullet2">
    <w:name w:val="List Bullet 2"/>
    <w:basedOn w:val="Normal"/>
    <w:uiPriority w:val="1"/>
    <w:qFormat/>
    <w:rsid w:val="00033C05"/>
    <w:pPr>
      <w:numPr>
        <w:ilvl w:val="1"/>
        <w:numId w:val="10"/>
      </w:numPr>
      <w:spacing w:before="60" w:after="60"/>
      <w:contextualSpacing/>
    </w:pPr>
    <w:rPr>
      <w:sz w:val="20"/>
      <w:szCs w:val="20"/>
    </w:rPr>
  </w:style>
  <w:style w:type="paragraph" w:styleId="ListBullet3">
    <w:name w:val="List Bullet 3"/>
    <w:basedOn w:val="Normal"/>
    <w:uiPriority w:val="1"/>
    <w:qFormat/>
    <w:rsid w:val="00033C05"/>
    <w:pPr>
      <w:numPr>
        <w:ilvl w:val="2"/>
        <w:numId w:val="10"/>
      </w:numPr>
      <w:spacing w:before="60" w:after="60" w:line="274" w:lineRule="auto"/>
      <w:contextualSpacing/>
    </w:pPr>
    <w:rPr>
      <w:szCs w:val="20"/>
    </w:rPr>
  </w:style>
  <w:style w:type="paragraph" w:styleId="ListNumber">
    <w:name w:val="List Number"/>
    <w:basedOn w:val="Normal"/>
    <w:uiPriority w:val="2"/>
    <w:qFormat/>
    <w:rsid w:val="00FE4347"/>
    <w:pPr>
      <w:numPr>
        <w:numId w:val="12"/>
      </w:numPr>
      <w:ind w:left="227" w:hanging="227"/>
      <w:contextualSpacing/>
    </w:pPr>
  </w:style>
  <w:style w:type="paragraph" w:styleId="ListParagraph">
    <w:name w:val="List Paragraph"/>
    <w:basedOn w:val="Normal"/>
    <w:uiPriority w:val="34"/>
    <w:semiHidden/>
    <w:rsid w:val="00033C05"/>
    <w:pPr>
      <w:ind w:left="720"/>
      <w:contextualSpacing/>
    </w:pPr>
  </w:style>
  <w:style w:type="paragraph" w:styleId="NoSpacing">
    <w:name w:val="No Spacing"/>
    <w:uiPriority w:val="2"/>
    <w:unhideWhenUsed/>
    <w:rsid w:val="00033C05"/>
    <w:pPr>
      <w:spacing w:after="0" w:line="240" w:lineRule="auto"/>
    </w:pPr>
  </w:style>
  <w:style w:type="paragraph" w:styleId="Quote">
    <w:name w:val="Quote"/>
    <w:basedOn w:val="Normal"/>
    <w:next w:val="Normal"/>
    <w:link w:val="QuoteChar"/>
    <w:uiPriority w:val="29"/>
    <w:rsid w:val="00033C05"/>
    <w:pPr>
      <w:spacing w:before="200" w:after="160"/>
      <w:ind w:left="1134" w:right="1134"/>
    </w:pPr>
    <w:rPr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033C05"/>
    <w:rPr>
      <w:iCs/>
      <w:color w:val="404040" w:themeColor="text1" w:themeTint="BF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033C05"/>
    <w:pPr>
      <w:numPr>
        <w:ilvl w:val="1"/>
      </w:numPr>
      <w:spacing w:after="160"/>
    </w:pPr>
    <w:rPr>
      <w:rFonts w:eastAsiaTheme="minorEastAsia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713AEE"/>
    <w:rPr>
      <w:rFonts w:eastAsiaTheme="minorEastAsia"/>
      <w:color w:val="5A5A5A" w:themeColor="text1" w:themeTint="A5"/>
      <w:spacing w:val="15"/>
    </w:rPr>
  </w:style>
  <w:style w:type="character" w:styleId="SubtleEmphasis">
    <w:name w:val="Subtle Emphasis"/>
    <w:basedOn w:val="DefaultParagraphFont"/>
    <w:uiPriority w:val="19"/>
    <w:rsid w:val="00033C05"/>
    <w:rPr>
      <w:i/>
      <w:iCs/>
      <w:color w:val="404040" w:themeColor="text1" w:themeTint="BF"/>
    </w:rPr>
  </w:style>
  <w:style w:type="paragraph" w:styleId="Title">
    <w:name w:val="Title"/>
    <w:basedOn w:val="Normal"/>
    <w:next w:val="Normal"/>
    <w:link w:val="TitleChar"/>
    <w:uiPriority w:val="10"/>
    <w:semiHidden/>
    <w:rsid w:val="00033C05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713AEE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C25EA6"/>
    <w:rPr>
      <w:rFonts w:asciiTheme="majorHAnsi" w:eastAsiaTheme="majorEastAsia" w:hAnsiTheme="majorHAnsi" w:cstheme="majorBidi"/>
      <w:color w:val="265A9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customXml" Target="../customXml/item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6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5" Type="http://schemas.openxmlformats.org/officeDocument/2006/relationships/customXml" Target="../customXml/item5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customXml" Target="../customXml/item4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hyperlink" Target="http://www.pc.gov.au" TargetMode="External"/><Relationship Id="rId1" Type="http://schemas.openxmlformats.org/officeDocument/2006/relationships/image" Target="media/image2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alston\AppData\Local\Temp\Templafy\WordVsto\Generic_blank%20template.dotx" TargetMode="External"/></Relationships>
</file>

<file path=word/theme/theme1.xml><?xml version="1.0" encoding="utf-8"?>
<a:theme xmlns:a="http://schemas.openxmlformats.org/drawingml/2006/main" name="ProdComm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Generic/blank template","templateDescription":"Can be used for material that requires external circulation, eg. workshop agendas, schedules, public forums.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20" ma:contentTypeDescription="" ma:contentTypeScope="" ma:versionID="64d9191897c6fb2a752358bb1141afc7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e4ce6cd0817011f743bb397fb505950e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  <xsd:element ref="ns3:MediaServiceSearchProperties" minOccurs="0"/>
                <xsd:element ref="ns3: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Status" ma:index="29" nillable="true" ma:displayName="Status" ma:format="Dropdown" ma:internalName="Status">
      <xsd:simpleType>
        <xsd:restriction base="dms:Choice">
          <xsd:enumeration value="In progress"/>
          <xsd:enumeration value="Ready for review"/>
          <xsd:enumeration value="Sent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20393cdf-440a-4521-8f19-00ba43423d00">MPWT-2140667901-72497</_dlc_DocId>
    <_Flow_SignoffStatus xmlns="3d385984-9344-419b-a80b-49c06a2bdab8" xsi:nil="true"/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_dlc_DocIdUrl xmlns="20393cdf-440a-4521-8f19-00ba43423d00">
      <Url>https://pcgov.sharepoint.com/sites/sceteam/_layouts/15/DocIdRedir.aspx?ID=MPWT-2140667901-72497</Url>
      <Description>MPWT-2140667901-72497</Description>
    </_dlc_DocIdUrl>
    <thumbnail xmlns="3d385984-9344-419b-a80b-49c06a2bdab8" xsi:nil="true"/>
    <lcf76f155ced4ddcb4097134ff3c332f xmlns="3d385984-9344-419b-a80b-49c06a2bdab8">
      <Terms xmlns="http://schemas.microsoft.com/office/infopath/2007/PartnerControls"/>
    </lcf76f155ced4ddcb4097134ff3c332f>
    <TaxCatchAll xmlns="20393cdf-440a-4521-8f19-00ba43423d00">
      <Value>1</Value>
    </TaxCatchAll>
    <Status xmlns="3d385984-9344-419b-a80b-49c06a2bdab8" xsi:nil="true"/>
  </documentManagement>
</p:properties>
</file>

<file path=customXml/itemProps1.xml><?xml version="1.0" encoding="utf-8"?>
<ds:datastoreItem xmlns:ds="http://schemas.openxmlformats.org/officeDocument/2006/customXml" ds:itemID="{14406B56-6FF0-41D4-8377-FD5ACA5BD276}">
  <ds:schemaRefs/>
</ds:datastoreItem>
</file>

<file path=customXml/itemProps2.xml><?xml version="1.0" encoding="utf-8"?>
<ds:datastoreItem xmlns:ds="http://schemas.openxmlformats.org/officeDocument/2006/customXml" ds:itemID="{1619CA9F-ABC7-4FFF-B255-B54B178AF274}">
  <ds:schemaRefs/>
</ds:datastoreItem>
</file>

<file path=customXml/itemProps3.xml><?xml version="1.0" encoding="utf-8"?>
<ds:datastoreItem xmlns:ds="http://schemas.openxmlformats.org/officeDocument/2006/customXml" ds:itemID="{AC88CC3F-BF1A-42EA-A521-807C5C21714C}"/>
</file>

<file path=customXml/itemProps4.xml><?xml version="1.0" encoding="utf-8"?>
<ds:datastoreItem xmlns:ds="http://schemas.openxmlformats.org/officeDocument/2006/customXml" ds:itemID="{21D5A903-3D69-4C3F-A297-DADB33447926}"/>
</file>

<file path=customXml/itemProps5.xml><?xml version="1.0" encoding="utf-8"?>
<ds:datastoreItem xmlns:ds="http://schemas.openxmlformats.org/officeDocument/2006/customXml" ds:itemID="{304904CD-5196-4DF3-A114-9B11A415B28A}"/>
</file>

<file path=customXml/itemProps6.xml><?xml version="1.0" encoding="utf-8"?>
<ds:datastoreItem xmlns:ds="http://schemas.openxmlformats.org/officeDocument/2006/customXml" ds:itemID="{1BADE38D-69FC-491C-82F5-C3A67FAE460B}"/>
</file>

<file path=docProps/app.xml><?xml version="1.0" encoding="utf-8"?>
<Properties xmlns="http://schemas.openxmlformats.org/officeDocument/2006/extended-properties" xmlns:vt="http://schemas.openxmlformats.org/officeDocument/2006/docPropsVTypes">
  <Template>Generic_blank template.dotx</Template>
  <TotalTime>3</TotalTime>
  <Pages>6</Pages>
  <Words>1995</Words>
  <Characters>11376</Characters>
  <Application>Microsoft Office Word</Application>
  <DocSecurity>0</DocSecurity>
  <Lines>94</Lines>
  <Paragraphs>2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Transcript - Opening Australia to the World: Celebrating 50 editions of the Trade and Assistance Review </vt:lpstr>
    </vt:vector>
  </TitlesOfParts>
  <Company>Productivity Commission</Company>
  <LinksUpToDate>false</LinksUpToDate>
  <CharactersWithSpaces>133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ranscript - Opening Australia to the World: Celebrating 50 editions of the Trade and Assistance Review </dc:title>
  <dc:creator>Productivity Commission</dc:creator>
  <cp:lastModifiedBy>Chris Alston</cp:lastModifiedBy>
  <cp:revision>5</cp:revision>
  <cp:lastPrinted>2024-12-17T03:09:00Z</cp:lastPrinted>
  <dcterms:created xsi:type="dcterms:W3CDTF">2024-12-17T03:08:00Z</dcterms:created>
  <dcterms:modified xsi:type="dcterms:W3CDTF">2024-12-17T03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845660006567033</vt:lpwstr>
  </property>
  <property fmtid="{D5CDD505-2E9C-101B-9397-08002B2CF9AE}" pid="4" name="TemplafyUserProfileId">
    <vt:lpwstr>637659801875109684</vt:lpwstr>
  </property>
  <property fmtid="{D5CDD505-2E9C-101B-9397-08002B2CF9AE}" pid="5" name="TemplafyFromBlank">
    <vt:bool>false</vt:bool>
  </property>
  <property fmtid="{D5CDD505-2E9C-101B-9397-08002B2CF9AE}" pid="6" name="MSIP_Label_c1f2b1ce-4212-46db-a901-dd8453f57141_Enabled">
    <vt:lpwstr>true</vt:lpwstr>
  </property>
  <property fmtid="{D5CDD505-2E9C-101B-9397-08002B2CF9AE}" pid="7" name="MSIP_Label_c1f2b1ce-4212-46db-a901-dd8453f57141_SetDate">
    <vt:lpwstr>2024-12-17T03:01:10Z</vt:lpwstr>
  </property>
  <property fmtid="{D5CDD505-2E9C-101B-9397-08002B2CF9AE}" pid="8" name="MSIP_Label_c1f2b1ce-4212-46db-a901-dd8453f57141_Method">
    <vt:lpwstr>Privileged</vt:lpwstr>
  </property>
  <property fmtid="{D5CDD505-2E9C-101B-9397-08002B2CF9AE}" pid="9" name="MSIP_Label_c1f2b1ce-4212-46db-a901-dd8453f57141_Name">
    <vt:lpwstr>Publish</vt:lpwstr>
  </property>
  <property fmtid="{D5CDD505-2E9C-101B-9397-08002B2CF9AE}" pid="10" name="MSIP_Label_c1f2b1ce-4212-46db-a901-dd8453f57141_SiteId">
    <vt:lpwstr>29f9330b-c0fe-4244-830e-ba9f275d6c34</vt:lpwstr>
  </property>
  <property fmtid="{D5CDD505-2E9C-101B-9397-08002B2CF9AE}" pid="11" name="MSIP_Label_c1f2b1ce-4212-46db-a901-dd8453f57141_ActionId">
    <vt:lpwstr>4156917e-29a8-4aaa-980b-c10a93e08768</vt:lpwstr>
  </property>
  <property fmtid="{D5CDD505-2E9C-101B-9397-08002B2CF9AE}" pid="12" name="MSIP_Label_c1f2b1ce-4212-46db-a901-dd8453f57141_ContentBits">
    <vt:lpwstr>0</vt:lpwstr>
  </property>
  <property fmtid="{D5CDD505-2E9C-101B-9397-08002B2CF9AE}" pid="13" name="ContentTypeId">
    <vt:lpwstr>0x0101006C0B5E815648EF46B6FA6D42F17E5E9F000C963E276195B04F83BC027CFDC94A8D</vt:lpwstr>
  </property>
  <property fmtid="{D5CDD505-2E9C-101B-9397-08002B2CF9AE}" pid="14" name="_dlc_DocIdItemGuid">
    <vt:lpwstr>b4960c2f-ac83-4498-b04c-da7e6a93c411</vt:lpwstr>
  </property>
  <property fmtid="{D5CDD505-2E9C-101B-9397-08002B2CF9AE}" pid="15" name="RevIMBCS">
    <vt:lpwstr>1;#Unclassified|3955eeb1-2d18-4582-aeb2-00144ec3aaf5</vt:lpwstr>
  </property>
</Properties>
</file>